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9"/>
  </p:notesMasterIdLst>
  <p:handoutMasterIdLst>
    <p:handoutMasterId r:id="rId20"/>
  </p:handoutMasterIdLst>
  <p:sldIdLst>
    <p:sldId id="256" r:id="rId10"/>
    <p:sldId id="260" r:id="rId11"/>
    <p:sldId id="257" r:id="rId12"/>
    <p:sldId id="279" r:id="rId13"/>
    <p:sldId id="280" r:id="rId14"/>
    <p:sldId id="281" r:id="rId15"/>
    <p:sldId id="282" r:id="rId16"/>
    <p:sldId id="283" r:id="rId17"/>
    <p:sldId id="284" r:id="rId18"/>
  </p:sldIdLst>
  <p:sldSz cx="12190413" cy="6858000"/>
  <p:notesSz cx="6858000" cy="9144000"/>
  <p:custDataLst>
    <p:tags r:id="rId2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0C2507-FC58-42F6-A498-C0A316F6CDFE}" v="12" dt="2023-07-08T01:28:11.079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7" d="100"/>
          <a:sy n="67" d="100"/>
        </p:scale>
        <p:origin x="604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21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presProps" Target="presProps.xml"/><Relationship Id="rId27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C60C2507-FC58-42F6-A498-C0A316F6CDFE}"/>
    <pc:docChg chg="undo custSel addSld delSld modSld">
      <pc:chgData name="Mikael Lenz Strube" userId="5190ea63-534e-4b85-8189-cf0a88e74104" providerId="ADAL" clId="{C60C2507-FC58-42F6-A498-C0A316F6CDFE}" dt="2023-07-08T01:43:58.244" v="227" actId="47"/>
      <pc:docMkLst>
        <pc:docMk/>
      </pc:docMkLst>
      <pc:sldChg chg="modSp add del mod">
        <pc:chgData name="Mikael Lenz Strube" userId="5190ea63-534e-4b85-8189-cf0a88e74104" providerId="ADAL" clId="{C60C2507-FC58-42F6-A498-C0A316F6CDFE}" dt="2023-07-08T01:13:07.131" v="32" actId="20577"/>
        <pc:sldMkLst>
          <pc:docMk/>
          <pc:sldMk cId="1796381250" sldId="257"/>
        </pc:sldMkLst>
        <pc:spChg chg="mod">
          <ac:chgData name="Mikael Lenz Strube" userId="5190ea63-534e-4b85-8189-cf0a88e74104" providerId="ADAL" clId="{C60C2507-FC58-42F6-A498-C0A316F6CDFE}" dt="2023-07-08T01:13:07.131" v="32" actId="20577"/>
          <ac:spMkLst>
            <pc:docMk/>
            <pc:sldMk cId="1796381250" sldId="257"/>
            <ac:spMk id="5" creationId="{43AB9D89-4678-4B3C-8679-3E429EFBB2DD}"/>
          </ac:spMkLst>
        </pc:spChg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37660492" sldId="261"/>
        </pc:sldMkLst>
      </pc:sldChg>
      <pc:sldChg chg="new del">
        <pc:chgData name="Mikael Lenz Strube" userId="5190ea63-534e-4b85-8189-cf0a88e74104" providerId="ADAL" clId="{C60C2507-FC58-42F6-A498-C0A316F6CDFE}" dt="2023-07-08T01:12:51.648" v="2" actId="680"/>
        <pc:sldMkLst>
          <pc:docMk/>
          <pc:sldMk cId="2464838395" sldId="261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3116315345" sldId="262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3436085751" sldId="263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1012463987" sldId="264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2217169284" sldId="265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194806529" sldId="266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3387519774" sldId="267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532133752" sldId="268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3413781714" sldId="269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2844639393" sldId="270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470955998" sldId="271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2037914235" sldId="272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2831555841" sldId="273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87739511" sldId="274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2641648554" sldId="275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1098102491" sldId="276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4176212569" sldId="277"/>
        </pc:sldMkLst>
      </pc:sldChg>
      <pc:sldChg chg="add del">
        <pc:chgData name="Mikael Lenz Strube" userId="5190ea63-534e-4b85-8189-cf0a88e74104" providerId="ADAL" clId="{C60C2507-FC58-42F6-A498-C0A316F6CDFE}" dt="2023-07-08T01:43:58.244" v="227" actId="47"/>
        <pc:sldMkLst>
          <pc:docMk/>
          <pc:sldMk cId="2724790313" sldId="278"/>
        </pc:sldMkLst>
      </pc:sldChg>
      <pc:sldChg chg="addSp delSp modSp new mod">
        <pc:chgData name="Mikael Lenz Strube" userId="5190ea63-534e-4b85-8189-cf0a88e74104" providerId="ADAL" clId="{C60C2507-FC58-42F6-A498-C0A316F6CDFE}" dt="2023-07-08T01:17:42.734" v="104" actId="20577"/>
        <pc:sldMkLst>
          <pc:docMk/>
          <pc:sldMk cId="1192563078" sldId="279"/>
        </pc:sldMkLst>
        <pc:spChg chg="del">
          <ac:chgData name="Mikael Lenz Strube" userId="5190ea63-534e-4b85-8189-cf0a88e74104" providerId="ADAL" clId="{C60C2507-FC58-42F6-A498-C0A316F6CDFE}" dt="2023-07-08T01:13:19.420" v="34" actId="478"/>
          <ac:spMkLst>
            <pc:docMk/>
            <pc:sldMk cId="1192563078" sldId="279"/>
            <ac:spMk id="2" creationId="{912C6B7F-1BE7-A5B1-EB27-88FFD17BF4E2}"/>
          </ac:spMkLst>
        </pc:spChg>
        <pc:spChg chg="del">
          <ac:chgData name="Mikael Lenz Strube" userId="5190ea63-534e-4b85-8189-cf0a88e74104" providerId="ADAL" clId="{C60C2507-FC58-42F6-A498-C0A316F6CDFE}" dt="2023-07-08T01:13:19.420" v="34" actId="478"/>
          <ac:spMkLst>
            <pc:docMk/>
            <pc:sldMk cId="1192563078" sldId="279"/>
            <ac:spMk id="3" creationId="{1A49FC88-51B6-083C-41F0-9BFE37ECF6E2}"/>
          </ac:spMkLst>
        </pc:spChg>
        <pc:spChg chg="del">
          <ac:chgData name="Mikael Lenz Strube" userId="5190ea63-534e-4b85-8189-cf0a88e74104" providerId="ADAL" clId="{C60C2507-FC58-42F6-A498-C0A316F6CDFE}" dt="2023-07-08T01:13:19.420" v="34" actId="478"/>
          <ac:spMkLst>
            <pc:docMk/>
            <pc:sldMk cId="1192563078" sldId="279"/>
            <ac:spMk id="4" creationId="{273CCB88-76ED-8DDF-5A45-06B78B00D456}"/>
          </ac:spMkLst>
        </pc:spChg>
        <pc:spChg chg="add del mod">
          <ac:chgData name="Mikael Lenz Strube" userId="5190ea63-534e-4b85-8189-cf0a88e74104" providerId="ADAL" clId="{C60C2507-FC58-42F6-A498-C0A316F6CDFE}" dt="2023-07-08T01:16:52.453" v="79" actId="478"/>
          <ac:spMkLst>
            <pc:docMk/>
            <pc:sldMk cId="1192563078" sldId="279"/>
            <ac:spMk id="9" creationId="{CB1DCBFA-063D-89D5-9384-6AF556387B99}"/>
          </ac:spMkLst>
        </pc:spChg>
        <pc:spChg chg="add mod">
          <ac:chgData name="Mikael Lenz Strube" userId="5190ea63-534e-4b85-8189-cf0a88e74104" providerId="ADAL" clId="{C60C2507-FC58-42F6-A498-C0A316F6CDFE}" dt="2023-07-08T01:17:42.734" v="104" actId="20577"/>
          <ac:spMkLst>
            <pc:docMk/>
            <pc:sldMk cId="1192563078" sldId="279"/>
            <ac:spMk id="10" creationId="{8A8C4D49-A731-2460-CD04-6C2097635BB8}"/>
          </ac:spMkLst>
        </pc:spChg>
        <pc:picChg chg="add del">
          <ac:chgData name="Mikael Lenz Strube" userId="5190ea63-534e-4b85-8189-cf0a88e74104" providerId="ADAL" clId="{C60C2507-FC58-42F6-A498-C0A316F6CDFE}" dt="2023-07-08T01:13:28.241" v="36" actId="478"/>
          <ac:picMkLst>
            <pc:docMk/>
            <pc:sldMk cId="1192563078" sldId="279"/>
            <ac:picMk id="6" creationId="{ADB07614-0BBA-4AB4-4A13-9F97B16C56E1}"/>
          </ac:picMkLst>
        </pc:picChg>
        <pc:picChg chg="add mod">
          <ac:chgData name="Mikael Lenz Strube" userId="5190ea63-534e-4b85-8189-cf0a88e74104" providerId="ADAL" clId="{C60C2507-FC58-42F6-A498-C0A316F6CDFE}" dt="2023-07-08T01:16:18.188" v="76" actId="1076"/>
          <ac:picMkLst>
            <pc:docMk/>
            <pc:sldMk cId="1192563078" sldId="279"/>
            <ac:picMk id="8" creationId="{F569F798-BA75-B162-9FA6-E49BA29D7E68}"/>
          </ac:picMkLst>
        </pc:picChg>
      </pc:sldChg>
      <pc:sldChg chg="addSp delSp modSp new mod">
        <pc:chgData name="Mikael Lenz Strube" userId="5190ea63-534e-4b85-8189-cf0a88e74104" providerId="ADAL" clId="{C60C2507-FC58-42F6-A498-C0A316F6CDFE}" dt="2023-07-08T01:20:02.089" v="195" actId="1076"/>
        <pc:sldMkLst>
          <pc:docMk/>
          <pc:sldMk cId="4222136408" sldId="280"/>
        </pc:sldMkLst>
        <pc:spChg chg="del">
          <ac:chgData name="Mikael Lenz Strube" userId="5190ea63-534e-4b85-8189-cf0a88e74104" providerId="ADAL" clId="{C60C2507-FC58-42F6-A498-C0A316F6CDFE}" dt="2023-07-08T01:15:22.425" v="62" actId="478"/>
          <ac:spMkLst>
            <pc:docMk/>
            <pc:sldMk cId="4222136408" sldId="280"/>
            <ac:spMk id="2" creationId="{2B40ABFF-3787-E583-6A65-B7B3EB2DB0DA}"/>
          </ac:spMkLst>
        </pc:spChg>
        <pc:spChg chg="del">
          <ac:chgData name="Mikael Lenz Strube" userId="5190ea63-534e-4b85-8189-cf0a88e74104" providerId="ADAL" clId="{C60C2507-FC58-42F6-A498-C0A316F6CDFE}" dt="2023-07-08T01:15:22.425" v="62" actId="478"/>
          <ac:spMkLst>
            <pc:docMk/>
            <pc:sldMk cId="4222136408" sldId="280"/>
            <ac:spMk id="3" creationId="{4102AAB7-6397-5735-0615-3745954D16DB}"/>
          </ac:spMkLst>
        </pc:spChg>
        <pc:spChg chg="del">
          <ac:chgData name="Mikael Lenz Strube" userId="5190ea63-534e-4b85-8189-cf0a88e74104" providerId="ADAL" clId="{C60C2507-FC58-42F6-A498-C0A316F6CDFE}" dt="2023-07-08T01:15:22.425" v="62" actId="478"/>
          <ac:spMkLst>
            <pc:docMk/>
            <pc:sldMk cId="4222136408" sldId="280"/>
            <ac:spMk id="4" creationId="{8C5B0383-7C49-ADA9-49E8-4066636BA06E}"/>
          </ac:spMkLst>
        </pc:spChg>
        <pc:spChg chg="add mod">
          <ac:chgData name="Mikael Lenz Strube" userId="5190ea63-534e-4b85-8189-cf0a88e74104" providerId="ADAL" clId="{C60C2507-FC58-42F6-A498-C0A316F6CDFE}" dt="2023-07-08T01:19:47.215" v="191" actId="122"/>
          <ac:spMkLst>
            <pc:docMk/>
            <pc:sldMk cId="4222136408" sldId="280"/>
            <ac:spMk id="7" creationId="{189145E4-FEB4-9839-516D-6E98B9B89334}"/>
          </ac:spMkLst>
        </pc:spChg>
        <pc:spChg chg="add mod">
          <ac:chgData name="Mikael Lenz Strube" userId="5190ea63-534e-4b85-8189-cf0a88e74104" providerId="ADAL" clId="{C60C2507-FC58-42F6-A498-C0A316F6CDFE}" dt="2023-07-08T01:19:47.215" v="191" actId="122"/>
          <ac:spMkLst>
            <pc:docMk/>
            <pc:sldMk cId="4222136408" sldId="280"/>
            <ac:spMk id="8" creationId="{6D96C8BA-4F00-77BA-12AC-B2A62DB236E5}"/>
          </ac:spMkLst>
        </pc:spChg>
        <pc:spChg chg="add mod">
          <ac:chgData name="Mikael Lenz Strube" userId="5190ea63-534e-4b85-8189-cf0a88e74104" providerId="ADAL" clId="{C60C2507-FC58-42F6-A498-C0A316F6CDFE}" dt="2023-07-08T01:19:54.740" v="193" actId="1076"/>
          <ac:spMkLst>
            <pc:docMk/>
            <pc:sldMk cId="4222136408" sldId="280"/>
            <ac:spMk id="9" creationId="{1D2E7435-B99A-6A1D-0244-58413A30B19E}"/>
          </ac:spMkLst>
        </pc:spChg>
        <pc:spChg chg="add mod">
          <ac:chgData name="Mikael Lenz Strube" userId="5190ea63-534e-4b85-8189-cf0a88e74104" providerId="ADAL" clId="{C60C2507-FC58-42F6-A498-C0A316F6CDFE}" dt="2023-07-08T01:19:58.799" v="194" actId="1076"/>
          <ac:spMkLst>
            <pc:docMk/>
            <pc:sldMk cId="4222136408" sldId="280"/>
            <ac:spMk id="10" creationId="{E358867A-7949-2B74-8028-6808C475CFA7}"/>
          </ac:spMkLst>
        </pc:spChg>
        <pc:picChg chg="add mod">
          <ac:chgData name="Mikael Lenz Strube" userId="5190ea63-534e-4b85-8189-cf0a88e74104" providerId="ADAL" clId="{C60C2507-FC58-42F6-A498-C0A316F6CDFE}" dt="2023-07-08T01:20:02.089" v="195" actId="1076"/>
          <ac:picMkLst>
            <pc:docMk/>
            <pc:sldMk cId="4222136408" sldId="280"/>
            <ac:picMk id="6" creationId="{0965D586-F8ED-FDDA-A2D8-74156335B569}"/>
          </ac:picMkLst>
        </pc:picChg>
      </pc:sldChg>
      <pc:sldChg chg="addSp modSp add mod">
        <pc:chgData name="Mikael Lenz Strube" userId="5190ea63-534e-4b85-8189-cf0a88e74104" providerId="ADAL" clId="{C60C2507-FC58-42F6-A498-C0A316F6CDFE}" dt="2023-07-08T01:20:31.369" v="199" actId="14861"/>
        <pc:sldMkLst>
          <pc:docMk/>
          <pc:sldMk cId="557513554" sldId="281"/>
        </pc:sldMkLst>
        <pc:spChg chg="add mod">
          <ac:chgData name="Mikael Lenz Strube" userId="5190ea63-534e-4b85-8189-cf0a88e74104" providerId="ADAL" clId="{C60C2507-FC58-42F6-A498-C0A316F6CDFE}" dt="2023-07-08T01:20:31.369" v="199" actId="14861"/>
          <ac:spMkLst>
            <pc:docMk/>
            <pc:sldMk cId="557513554" sldId="281"/>
            <ac:spMk id="2" creationId="{6D82A319-D49E-FC6E-1970-307CAC187D07}"/>
          </ac:spMkLst>
        </pc:spChg>
      </pc:sldChg>
      <pc:sldChg chg="addSp delSp modSp new mod">
        <pc:chgData name="Mikael Lenz Strube" userId="5190ea63-534e-4b85-8189-cf0a88e74104" providerId="ADAL" clId="{C60C2507-FC58-42F6-A498-C0A316F6CDFE}" dt="2023-07-08T01:25:11.129" v="216" actId="1076"/>
        <pc:sldMkLst>
          <pc:docMk/>
          <pc:sldMk cId="1126557244" sldId="282"/>
        </pc:sldMkLst>
        <pc:spChg chg="del">
          <ac:chgData name="Mikael Lenz Strube" userId="5190ea63-534e-4b85-8189-cf0a88e74104" providerId="ADAL" clId="{C60C2507-FC58-42F6-A498-C0A316F6CDFE}" dt="2023-07-08T01:21:53.345" v="201" actId="478"/>
          <ac:spMkLst>
            <pc:docMk/>
            <pc:sldMk cId="1126557244" sldId="282"/>
            <ac:spMk id="2" creationId="{334A4D56-82AF-713E-4866-E5D13DE279A3}"/>
          </ac:spMkLst>
        </pc:spChg>
        <pc:spChg chg="del">
          <ac:chgData name="Mikael Lenz Strube" userId="5190ea63-534e-4b85-8189-cf0a88e74104" providerId="ADAL" clId="{C60C2507-FC58-42F6-A498-C0A316F6CDFE}" dt="2023-07-08T01:21:53.345" v="201" actId="478"/>
          <ac:spMkLst>
            <pc:docMk/>
            <pc:sldMk cId="1126557244" sldId="282"/>
            <ac:spMk id="3" creationId="{8FB9BA17-23F0-D4C3-F269-057CD2329D58}"/>
          </ac:spMkLst>
        </pc:spChg>
        <pc:spChg chg="del">
          <ac:chgData name="Mikael Lenz Strube" userId="5190ea63-534e-4b85-8189-cf0a88e74104" providerId="ADAL" clId="{C60C2507-FC58-42F6-A498-C0A316F6CDFE}" dt="2023-07-08T01:21:53.345" v="201" actId="478"/>
          <ac:spMkLst>
            <pc:docMk/>
            <pc:sldMk cId="1126557244" sldId="282"/>
            <ac:spMk id="4" creationId="{B84B4AFD-9034-14C6-8384-4F75FB678A9A}"/>
          </ac:spMkLst>
        </pc:spChg>
        <pc:picChg chg="add mod">
          <ac:chgData name="Mikael Lenz Strube" userId="5190ea63-534e-4b85-8189-cf0a88e74104" providerId="ADAL" clId="{C60C2507-FC58-42F6-A498-C0A316F6CDFE}" dt="2023-07-08T01:25:08.106" v="215" actId="14100"/>
          <ac:picMkLst>
            <pc:docMk/>
            <pc:sldMk cId="1126557244" sldId="282"/>
            <ac:picMk id="6" creationId="{070047E3-CB90-A445-F476-CB3758C47B5D}"/>
          </ac:picMkLst>
        </pc:picChg>
        <pc:picChg chg="add mod">
          <ac:chgData name="Mikael Lenz Strube" userId="5190ea63-534e-4b85-8189-cf0a88e74104" providerId="ADAL" clId="{C60C2507-FC58-42F6-A498-C0A316F6CDFE}" dt="2023-07-08T01:24:28.937" v="213" actId="14100"/>
          <ac:picMkLst>
            <pc:docMk/>
            <pc:sldMk cId="1126557244" sldId="282"/>
            <ac:picMk id="8" creationId="{D87D6D99-48A1-5F72-7154-00C2F0E4A1AC}"/>
          </ac:picMkLst>
        </pc:picChg>
        <pc:picChg chg="add mod">
          <ac:chgData name="Mikael Lenz Strube" userId="5190ea63-534e-4b85-8189-cf0a88e74104" providerId="ADAL" clId="{C60C2507-FC58-42F6-A498-C0A316F6CDFE}" dt="2023-07-08T01:25:11.129" v="216" actId="1076"/>
          <ac:picMkLst>
            <pc:docMk/>
            <pc:sldMk cId="1126557244" sldId="282"/>
            <ac:picMk id="10" creationId="{A9097796-CDD0-106D-A236-836E2A573D0E}"/>
          </ac:picMkLst>
        </pc:picChg>
        <pc:picChg chg="add mod">
          <ac:chgData name="Mikael Lenz Strube" userId="5190ea63-534e-4b85-8189-cf0a88e74104" providerId="ADAL" clId="{C60C2507-FC58-42F6-A498-C0A316F6CDFE}" dt="2023-07-08T01:24:25.035" v="212" actId="1076"/>
          <ac:picMkLst>
            <pc:docMk/>
            <pc:sldMk cId="1126557244" sldId="282"/>
            <ac:picMk id="12" creationId="{72737B5C-9D4D-03AB-FE8A-F61C7EBFD491}"/>
          </ac:picMkLst>
        </pc:picChg>
      </pc:sldChg>
      <pc:sldChg chg="addSp delSp new mod">
        <pc:chgData name="Mikael Lenz Strube" userId="5190ea63-534e-4b85-8189-cf0a88e74104" providerId="ADAL" clId="{C60C2507-FC58-42F6-A498-C0A316F6CDFE}" dt="2023-07-08T01:27:27.872" v="223" actId="22"/>
        <pc:sldMkLst>
          <pc:docMk/>
          <pc:sldMk cId="984900961" sldId="283"/>
        </pc:sldMkLst>
        <pc:spChg chg="del">
          <ac:chgData name="Mikael Lenz Strube" userId="5190ea63-534e-4b85-8189-cf0a88e74104" providerId="ADAL" clId="{C60C2507-FC58-42F6-A498-C0A316F6CDFE}" dt="2023-07-08T01:25:51.886" v="218" actId="478"/>
          <ac:spMkLst>
            <pc:docMk/>
            <pc:sldMk cId="984900961" sldId="283"/>
            <ac:spMk id="2" creationId="{46342ED4-CD12-2FDF-9A3E-76DB1F3C66EE}"/>
          </ac:spMkLst>
        </pc:spChg>
        <pc:spChg chg="del">
          <ac:chgData name="Mikael Lenz Strube" userId="5190ea63-534e-4b85-8189-cf0a88e74104" providerId="ADAL" clId="{C60C2507-FC58-42F6-A498-C0A316F6CDFE}" dt="2023-07-08T01:25:51.886" v="218" actId="478"/>
          <ac:spMkLst>
            <pc:docMk/>
            <pc:sldMk cId="984900961" sldId="283"/>
            <ac:spMk id="3" creationId="{6EBAAFF6-4D26-D541-8995-2AEB93F86F5C}"/>
          </ac:spMkLst>
        </pc:spChg>
        <pc:spChg chg="del">
          <ac:chgData name="Mikael Lenz Strube" userId="5190ea63-534e-4b85-8189-cf0a88e74104" providerId="ADAL" clId="{C60C2507-FC58-42F6-A498-C0A316F6CDFE}" dt="2023-07-08T01:25:51.886" v="218" actId="478"/>
          <ac:spMkLst>
            <pc:docMk/>
            <pc:sldMk cId="984900961" sldId="283"/>
            <ac:spMk id="4" creationId="{35206B86-4643-91E7-7BF9-7104E1801E11}"/>
          </ac:spMkLst>
        </pc:spChg>
        <pc:picChg chg="add del">
          <ac:chgData name="Mikael Lenz Strube" userId="5190ea63-534e-4b85-8189-cf0a88e74104" providerId="ADAL" clId="{C60C2507-FC58-42F6-A498-C0A316F6CDFE}" dt="2023-07-08T01:26:44.534" v="220" actId="478"/>
          <ac:picMkLst>
            <pc:docMk/>
            <pc:sldMk cId="984900961" sldId="283"/>
            <ac:picMk id="6" creationId="{4726F458-7660-D9B0-FA0C-EFBE133188EA}"/>
          </ac:picMkLst>
        </pc:picChg>
        <pc:picChg chg="add del">
          <ac:chgData name="Mikael Lenz Strube" userId="5190ea63-534e-4b85-8189-cf0a88e74104" providerId="ADAL" clId="{C60C2507-FC58-42F6-A498-C0A316F6CDFE}" dt="2023-07-08T01:27:07.942" v="222" actId="478"/>
          <ac:picMkLst>
            <pc:docMk/>
            <pc:sldMk cId="984900961" sldId="283"/>
            <ac:picMk id="8" creationId="{ABB8BBB4-C0B7-78DC-9BFE-744613E4FF70}"/>
          </ac:picMkLst>
        </pc:picChg>
        <pc:picChg chg="add">
          <ac:chgData name="Mikael Lenz Strube" userId="5190ea63-534e-4b85-8189-cf0a88e74104" providerId="ADAL" clId="{C60C2507-FC58-42F6-A498-C0A316F6CDFE}" dt="2023-07-08T01:27:27.872" v="223" actId="22"/>
          <ac:picMkLst>
            <pc:docMk/>
            <pc:sldMk cId="984900961" sldId="283"/>
            <ac:picMk id="10" creationId="{2204C04D-626A-90BB-D7E4-C8D3F0D4A141}"/>
          </ac:picMkLst>
        </pc:picChg>
      </pc:sldChg>
      <pc:sldChg chg="addSp delSp new mod">
        <pc:chgData name="Mikael Lenz Strube" userId="5190ea63-534e-4b85-8189-cf0a88e74104" providerId="ADAL" clId="{C60C2507-FC58-42F6-A498-C0A316F6CDFE}" dt="2023-07-08T01:28:11.593" v="226" actId="22"/>
        <pc:sldMkLst>
          <pc:docMk/>
          <pc:sldMk cId="4106904139" sldId="284"/>
        </pc:sldMkLst>
        <pc:spChg chg="del">
          <ac:chgData name="Mikael Lenz Strube" userId="5190ea63-534e-4b85-8189-cf0a88e74104" providerId="ADAL" clId="{C60C2507-FC58-42F6-A498-C0A316F6CDFE}" dt="2023-07-08T01:28:11.079" v="225" actId="478"/>
          <ac:spMkLst>
            <pc:docMk/>
            <pc:sldMk cId="4106904139" sldId="284"/>
            <ac:spMk id="2" creationId="{40664C60-7E0E-02DD-E885-110D8ECB1444}"/>
          </ac:spMkLst>
        </pc:spChg>
        <pc:spChg chg="del">
          <ac:chgData name="Mikael Lenz Strube" userId="5190ea63-534e-4b85-8189-cf0a88e74104" providerId="ADAL" clId="{C60C2507-FC58-42F6-A498-C0A316F6CDFE}" dt="2023-07-08T01:28:11.079" v="225" actId="478"/>
          <ac:spMkLst>
            <pc:docMk/>
            <pc:sldMk cId="4106904139" sldId="284"/>
            <ac:spMk id="3" creationId="{C69C5344-5EFB-5130-3067-41BD023E58AD}"/>
          </ac:spMkLst>
        </pc:spChg>
        <pc:spChg chg="del">
          <ac:chgData name="Mikael Lenz Strube" userId="5190ea63-534e-4b85-8189-cf0a88e74104" providerId="ADAL" clId="{C60C2507-FC58-42F6-A498-C0A316F6CDFE}" dt="2023-07-08T01:28:11.079" v="225" actId="478"/>
          <ac:spMkLst>
            <pc:docMk/>
            <pc:sldMk cId="4106904139" sldId="284"/>
            <ac:spMk id="4" creationId="{AE4575F3-4811-2F5D-5FF5-E47C4D2DD3D4}"/>
          </ac:spMkLst>
        </pc:spChg>
        <pc:picChg chg="add">
          <ac:chgData name="Mikael Lenz Strube" userId="5190ea63-534e-4b85-8189-cf0a88e74104" providerId="ADAL" clId="{C60C2507-FC58-42F6-A498-C0A316F6CDFE}" dt="2023-07-08T01:28:11.593" v="226" actId="22"/>
          <ac:picMkLst>
            <pc:docMk/>
            <pc:sldMk cId="4106904139" sldId="284"/>
            <ac:picMk id="6" creationId="{016F204E-8DFF-A204-DA75-CE00E3B68F0A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axonomic Analysis workshop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Mikael Lenz Strube</a:t>
            </a:r>
          </a:p>
          <a:p>
            <a:endParaRPr lang="en-GB" dirty="0"/>
          </a:p>
          <a:p>
            <a:r>
              <a:rPr lang="en-GB" dirty="0"/>
              <a:t>milst@dtu.d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F569F798-BA75-B162-9FA6-E49BA29D7E6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8653" y="529630"/>
            <a:ext cx="10253106" cy="594360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8A8C4D49-A731-2460-CD04-6C2097635BB8}"/>
              </a:ext>
            </a:extLst>
          </p:cNvPr>
          <p:cNvSpPr txBox="1"/>
          <p:nvPr/>
        </p:nvSpPr>
        <p:spPr>
          <a:xfrm>
            <a:off x="5447134" y="532334"/>
            <a:ext cx="223224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800" dirty="0" err="1">
                <a:latin typeface="+mn-lt"/>
              </a:rPr>
              <a:t>Ctrl+shift+n</a:t>
            </a:r>
            <a:endParaRPr lang="da-DK" sz="28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19256307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0965D586-F8ED-FDDA-A2D8-74156335B5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6614" y="529630"/>
            <a:ext cx="11176995" cy="594360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189145E4-FEB4-9839-516D-6E98B9B89334}"/>
              </a:ext>
            </a:extLst>
          </p:cNvPr>
          <p:cNvSpPr txBox="1"/>
          <p:nvPr/>
        </p:nvSpPr>
        <p:spPr>
          <a:xfrm>
            <a:off x="2710830" y="2515397"/>
            <a:ext cx="2638007" cy="307777"/>
          </a:xfrm>
          <a:prstGeom prst="rect">
            <a:avLst/>
          </a:prstGeom>
          <a:solidFill>
            <a:schemeClr val="accent2">
              <a:lumMod val="40000"/>
              <a:lumOff val="6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EDITOR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D96C8BA-4F00-77BA-12AC-B2A62DB236E5}"/>
              </a:ext>
            </a:extLst>
          </p:cNvPr>
          <p:cNvSpPr txBox="1"/>
          <p:nvPr/>
        </p:nvSpPr>
        <p:spPr>
          <a:xfrm>
            <a:off x="3574926" y="5179693"/>
            <a:ext cx="1773911" cy="307777"/>
          </a:xfrm>
          <a:prstGeom prst="rect">
            <a:avLst/>
          </a:prstGeom>
          <a:solidFill>
            <a:schemeClr val="accent2">
              <a:lumMod val="40000"/>
              <a:lumOff val="6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CONSOL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D2E7435-B99A-6A1D-0244-58413A30B19E}"/>
              </a:ext>
            </a:extLst>
          </p:cNvPr>
          <p:cNvSpPr txBox="1"/>
          <p:nvPr/>
        </p:nvSpPr>
        <p:spPr>
          <a:xfrm>
            <a:off x="8903518" y="2120557"/>
            <a:ext cx="2232248" cy="666849"/>
          </a:xfrm>
          <a:prstGeom prst="rect">
            <a:avLst/>
          </a:prstGeom>
          <a:solidFill>
            <a:schemeClr val="accent2">
              <a:lumMod val="40000"/>
              <a:lumOff val="6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ENVIRONMENT</a:t>
            </a:r>
          </a:p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(MEMORY)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E358867A-7949-2B74-8028-6808C475CFA7}"/>
              </a:ext>
            </a:extLst>
          </p:cNvPr>
          <p:cNvSpPr txBox="1"/>
          <p:nvPr/>
        </p:nvSpPr>
        <p:spPr>
          <a:xfrm>
            <a:off x="8903518" y="4666732"/>
            <a:ext cx="1773911" cy="1025922"/>
          </a:xfrm>
          <a:prstGeom prst="rect">
            <a:avLst/>
          </a:prstGeom>
          <a:solidFill>
            <a:schemeClr val="accent2">
              <a:lumMod val="40000"/>
              <a:lumOff val="6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FILES</a:t>
            </a:r>
          </a:p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PLOTS</a:t>
            </a:r>
          </a:p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PACKAGES</a:t>
            </a:r>
          </a:p>
        </p:txBody>
      </p:sp>
    </p:spTree>
    <p:extLst>
      <p:ext uri="{BB962C8B-B14F-4D97-AF65-F5344CB8AC3E}">
        <p14:creationId xmlns:p14="http://schemas.microsoft.com/office/powerpoint/2010/main" val="422213640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0965D586-F8ED-FDDA-A2D8-74156335B5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6614" y="529630"/>
            <a:ext cx="11176995" cy="594360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189145E4-FEB4-9839-516D-6E98B9B89334}"/>
              </a:ext>
            </a:extLst>
          </p:cNvPr>
          <p:cNvSpPr txBox="1"/>
          <p:nvPr/>
        </p:nvSpPr>
        <p:spPr>
          <a:xfrm>
            <a:off x="2710830" y="2515397"/>
            <a:ext cx="2638007" cy="307777"/>
          </a:xfrm>
          <a:prstGeom prst="rect">
            <a:avLst/>
          </a:prstGeom>
          <a:solidFill>
            <a:schemeClr val="accent2">
              <a:lumMod val="40000"/>
              <a:lumOff val="6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EDITOR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D96C8BA-4F00-77BA-12AC-B2A62DB236E5}"/>
              </a:ext>
            </a:extLst>
          </p:cNvPr>
          <p:cNvSpPr txBox="1"/>
          <p:nvPr/>
        </p:nvSpPr>
        <p:spPr>
          <a:xfrm>
            <a:off x="3574926" y="5179693"/>
            <a:ext cx="1773911" cy="307777"/>
          </a:xfrm>
          <a:prstGeom prst="rect">
            <a:avLst/>
          </a:prstGeom>
          <a:solidFill>
            <a:schemeClr val="accent2">
              <a:lumMod val="40000"/>
              <a:lumOff val="6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CONSOL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D2E7435-B99A-6A1D-0244-58413A30B19E}"/>
              </a:ext>
            </a:extLst>
          </p:cNvPr>
          <p:cNvSpPr txBox="1"/>
          <p:nvPr/>
        </p:nvSpPr>
        <p:spPr>
          <a:xfrm>
            <a:off x="8903518" y="2120557"/>
            <a:ext cx="2232248" cy="666849"/>
          </a:xfrm>
          <a:prstGeom prst="rect">
            <a:avLst/>
          </a:prstGeom>
          <a:solidFill>
            <a:schemeClr val="accent2">
              <a:lumMod val="40000"/>
              <a:lumOff val="6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ENVIRONMENT</a:t>
            </a:r>
          </a:p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(MEMORY)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E358867A-7949-2B74-8028-6808C475CFA7}"/>
              </a:ext>
            </a:extLst>
          </p:cNvPr>
          <p:cNvSpPr txBox="1"/>
          <p:nvPr/>
        </p:nvSpPr>
        <p:spPr>
          <a:xfrm>
            <a:off x="8903518" y="4666732"/>
            <a:ext cx="1773911" cy="1025922"/>
          </a:xfrm>
          <a:prstGeom prst="rect">
            <a:avLst/>
          </a:prstGeom>
          <a:solidFill>
            <a:schemeClr val="accent2">
              <a:lumMod val="40000"/>
              <a:lumOff val="6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FILES</a:t>
            </a:r>
          </a:p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PLOTS</a:t>
            </a:r>
          </a:p>
          <a:p>
            <a:pPr algn="ctr">
              <a:spcBef>
                <a:spcPts val="432"/>
              </a:spcBef>
            </a:pPr>
            <a:r>
              <a:rPr lang="da-DK" sz="2000" dirty="0">
                <a:latin typeface="+mn-lt"/>
              </a:rPr>
              <a:t>PACKAGES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6D82A319-D49E-FC6E-1970-307CAC187D07}"/>
              </a:ext>
            </a:extLst>
          </p:cNvPr>
          <p:cNvSpPr/>
          <p:nvPr/>
        </p:nvSpPr>
        <p:spPr bwMode="auto">
          <a:xfrm>
            <a:off x="622598" y="529630"/>
            <a:ext cx="648072" cy="595114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>
            <a:glow rad="228600">
              <a:schemeClr val="accent1">
                <a:satMod val="175000"/>
                <a:alpha val="40000"/>
              </a:schemeClr>
            </a:glo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5575135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070047E3-CB90-A445-F476-CB3758C47B5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2638" y="457622"/>
            <a:ext cx="3744416" cy="276115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87D6D99-48A1-5F72-7154-00C2F0E4A1A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83239" y="620688"/>
            <a:ext cx="4032448" cy="2873119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9097796-CDD0-106D-A236-836E2A573D0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82638" y="3573134"/>
            <a:ext cx="4220164" cy="3029373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72737B5C-9D4D-03AB-FE8A-F61C7EBFD49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527254" y="3543880"/>
            <a:ext cx="4220164" cy="30722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65572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>
            <a:extLst>
              <a:ext uri="{FF2B5EF4-FFF2-40B4-BE49-F238E27FC236}">
                <a16:creationId xmlns:a16="http://schemas.microsoft.com/office/drawing/2014/main" id="{2204C04D-626A-90BB-D7E4-C8D3F0D4A14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87747"/>
            <a:ext cx="12190413" cy="64825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490096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016F204E-8DFF-A204-DA75-CE00E3B68F0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87747"/>
            <a:ext cx="12190413" cy="64825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069041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68</TotalTime>
  <Words>39</Words>
  <Application>Microsoft Office PowerPoint</Application>
  <PresentationFormat>Custom</PresentationFormat>
  <Paragraphs>23</Paragraphs>
  <Slides>9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2" baseType="lpstr">
      <vt:lpstr>Arial</vt:lpstr>
      <vt:lpstr>Verdana</vt:lpstr>
      <vt:lpstr>Blank</vt:lpstr>
      <vt:lpstr>PowerPoint Presentation</vt:lpstr>
      <vt:lpstr>PowerPoint Presentation</vt:lpstr>
      <vt:lpstr>The Taxonomic Analysis workshop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19</cp:revision>
  <dcterms:created xsi:type="dcterms:W3CDTF">2022-07-11T22:18:32Z</dcterms:created>
  <dcterms:modified xsi:type="dcterms:W3CDTF">2023-07-08T01:44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